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945A7"/>
    <a:srgbClr val="9A1E1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3" d="100"/>
          <a:sy n="113" d="100"/>
        </p:scale>
        <p:origin x="45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4AEEA0F-FF47-4DD6-8CE3-01A0AF544DC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0A63F7E8-4B79-4C96-AE7A-5065F1D9116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EEDF2E8-3B43-4D0E-9848-D8C839C2CE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225D6B8-4293-43B7-80C2-89C67D0B85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61BBA02-0C95-4E37-A759-495095416E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566305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10CCE5B-AD3E-46B4-BDB8-232A8F950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D691D9DF-902A-430F-B725-6B001C3464C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AD1366B-C059-45A4-9B73-C7AF07FFFC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C65707DC-14E8-46EC-B6DA-3E5F8CDC4E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6E4AD56-67BC-42EA-8CB7-55C6B345A2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64778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07ED5C23-3D79-424C-8F34-CB9D5EA70A8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98719D2-FB70-4986-BC75-B04475529F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8E289F-AE4D-459E-9BE6-90836EB49C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B27BCAA-C516-47C2-8B2C-D2E6879566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63A3257-B037-4EEB-B849-E34B36DF91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98497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C713D70-DCEA-4EE0-8FE2-2C11F1966C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7D73471-3437-4867-AA83-B758B4F7D0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D08E7D5-63E7-402A-AFF6-2D77C722A3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4691C73-B178-4127-B5E7-4741C293EA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06C94F1-8938-4A58-A71D-254CD4C49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159004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9D44A79-182B-4884-BDD2-491D7684EE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DA59745-BA41-439B-8B4C-4FA379F2F5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6DD5E5A3-E933-4986-ABA1-B90ECB6A0F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3EFAC8F-C6FC-4987-A4C6-7260A71975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8EFE96A-5EA1-46CC-8BF3-D1B501F56F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980499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570DF30-BEB6-4834-8A5C-BAE74F958C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7D0D3A42-D2AE-4C6B-B5BD-71BD91C7D91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1BC7AC8-5630-4EB0-AB56-5714518C86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40EED1B8-C171-4FB8-A42B-EB3531E4B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B51862A-C9D6-4E71-8B3F-39A883F667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3DDED7F7-FD51-4AA5-A55C-6264C627CD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1494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83DD4DE-C3D3-417D-B245-BEDA0069CA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7B1C0F2-BDDE-452A-B0EE-38E677C16E5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9E97F676-27DB-46FB-AE29-D9C4ED4832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CA303784-9212-404B-9836-368B9835AB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CA1EA609-D270-4750-A7EE-AD5C25BE35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C8F66E1B-E9F2-457F-ABF6-0F18E33DF5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2B7E63C4-828D-4F05-BD4A-018444B8D2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436C532B-16A7-4AD7-B0BF-BA6826AEE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95199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D786AF7-E4D0-44A5-8C8A-3BA44D021E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442D83BF-3543-4B6E-8B6C-2336F0A6F4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06F9F51-6EF9-4DBA-9001-01E4641847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4B2326CE-16FB-4FFD-8939-587FA23D1A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776244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A01FD30-06C0-4F82-8377-1086733E9A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A419A068-892B-419E-9259-363FBD8935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B2729780-AC14-44E9-B374-A2B79ACAE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983889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322A6A-85BD-4B9D-BF2E-5B19C10F3A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59732C93-927F-4D5D-8A08-676C9A5B34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1D9F636A-4458-45EE-849B-1B298985608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8D2E08CB-A82F-44AF-9DAF-EFBEF8A0CC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7A66B64A-589E-4F07-94B1-D17D7B4B75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CB17974D-DA7C-4C7C-A63A-AD44FEEF61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5753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21D21B3-F573-4DCA-985D-672E2A7B33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5116E141-417D-47FA-A680-DFC26B5512B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98B95490-3620-4025-A32B-503CB95BA73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3D62999-A0B1-457E-91AD-1C2595A703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D87F6FB-B1EC-4D72-8629-96D31E6353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3ACDA88A-0760-472C-AAD6-558C031A9E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2711685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D4C9CB92-2DFB-4008-95BA-5E0D56D420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C8E01BE-C0A0-460E-B311-2853C783A7F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F7CF1C2-9FAB-451E-955C-97888E2F231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356DBBF-99BB-4DFC-AC32-3C1C8851FADE}" type="datetimeFigureOut">
              <a:rPr lang="fr-FR" smtClean="0"/>
              <a:t>18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C47898B2-F633-48CE-A9E0-B9E360D801A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B101ED17-6582-4A6C-BB94-ECABFD50B8D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C77C914-71F1-4032-A124-9B376F9736DA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303230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5" name="Connecteur droit 124">
            <a:extLst>
              <a:ext uri="{FF2B5EF4-FFF2-40B4-BE49-F238E27FC236}">
                <a16:creationId xmlns:a16="http://schemas.microsoft.com/office/drawing/2014/main" id="{19E24F6E-BFEA-4D24-A498-BCB45435010A}"/>
              </a:ext>
            </a:extLst>
          </p:cNvPr>
          <p:cNvCxnSpPr>
            <a:cxnSpLocks/>
          </p:cNvCxnSpPr>
          <p:nvPr/>
        </p:nvCxnSpPr>
        <p:spPr>
          <a:xfrm>
            <a:off x="8101133" y="507329"/>
            <a:ext cx="0" cy="5349019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Connecteur droit 121">
            <a:extLst>
              <a:ext uri="{FF2B5EF4-FFF2-40B4-BE49-F238E27FC236}">
                <a16:creationId xmlns:a16="http://schemas.microsoft.com/office/drawing/2014/main" id="{29FFEB7B-2D5F-4E3B-8730-76E07359409A}"/>
              </a:ext>
            </a:extLst>
          </p:cNvPr>
          <p:cNvCxnSpPr>
            <a:cxnSpLocks/>
          </p:cNvCxnSpPr>
          <p:nvPr/>
        </p:nvCxnSpPr>
        <p:spPr>
          <a:xfrm>
            <a:off x="10375601" y="507328"/>
            <a:ext cx="0" cy="5188047"/>
          </a:xfrm>
          <a:prstGeom prst="line">
            <a:avLst/>
          </a:prstGeom>
          <a:ln>
            <a:solidFill>
              <a:srgbClr val="9A1E1E">
                <a:alpha val="70000"/>
              </a:srgb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DB51331F-D796-4AC6-A32B-47D7074F1C3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655704" y="5788403"/>
            <a:ext cx="11013382" cy="254000"/>
          </a:xfrm>
          <a:prstGeom prst="roundRect">
            <a:avLst/>
          </a:prstGeom>
          <a:gradFill flip="none" rotWithShape="1">
            <a:gsLst>
              <a:gs pos="0">
                <a:srgbClr val="0070C0">
                  <a:shade val="30000"/>
                  <a:satMod val="115000"/>
                </a:srgbClr>
              </a:gs>
              <a:gs pos="50000">
                <a:srgbClr val="0070C0">
                  <a:shade val="67500"/>
                  <a:satMod val="115000"/>
                </a:srgbClr>
              </a:gs>
              <a:gs pos="100000">
                <a:srgbClr val="0070C0">
                  <a:shade val="100000"/>
                  <a:satMod val="115000"/>
                </a:srgbClr>
              </a:gs>
            </a:gsLst>
            <a:lin ang="1350000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9" name="Connecteur droit 108">
            <a:extLst>
              <a:ext uri="{FF2B5EF4-FFF2-40B4-BE49-F238E27FC236}">
                <a16:creationId xmlns:a16="http://schemas.microsoft.com/office/drawing/2014/main" id="{1C903939-EC9F-4244-96F9-2199E45F04F0}"/>
              </a:ext>
            </a:extLst>
          </p:cNvPr>
          <p:cNvCxnSpPr>
            <a:cxnSpLocks/>
          </p:cNvCxnSpPr>
          <p:nvPr/>
        </p:nvCxnSpPr>
        <p:spPr>
          <a:xfrm>
            <a:off x="5022916" y="507328"/>
            <a:ext cx="0" cy="5482565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6B4B2081-508E-44A4-867F-0EFBA6B1B8B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3706" y="5841413"/>
            <a:ext cx="678188" cy="1628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Avril 2022</a:t>
            </a:r>
          </a:p>
        </p:txBody>
      </p:sp>
      <p:sp>
        <p:nvSpPr>
          <p:cNvPr id="11" name="OTLSHAPE_M_5835b06650a246c6bed7a032fc171752_Shape">
            <a:extLst>
              <a:ext uri="{FF2B5EF4-FFF2-40B4-BE49-F238E27FC236}">
                <a16:creationId xmlns:a16="http://schemas.microsoft.com/office/drawing/2014/main" id="{C9F0C938-6474-4515-A84A-5A2E51829BB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246272" y="5568949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TLSHAPE_M_bd306ff2674747419d2eb2fe421ccc3b_Shape">
            <a:extLst>
              <a:ext uri="{FF2B5EF4-FFF2-40B4-BE49-F238E27FC236}">
                <a16:creationId xmlns:a16="http://schemas.microsoft.com/office/drawing/2014/main" id="{A91EB88A-F407-48F0-9639-5A5D911F865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946717" y="5922395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OTLSHAPE_M_bd306ff2674747419d2eb2fe421ccc3b_Shape">
            <a:extLst>
              <a:ext uri="{FF2B5EF4-FFF2-40B4-BE49-F238E27FC236}">
                <a16:creationId xmlns:a16="http://schemas.microsoft.com/office/drawing/2014/main" id="{396C9F28-9418-424C-A816-5149ECE10F2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872231" y="5931399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TB_00000000000000000000000000000000_TimescaleInterval1">
            <a:extLst>
              <a:ext uri="{FF2B5EF4-FFF2-40B4-BE49-F238E27FC236}">
                <a16:creationId xmlns:a16="http://schemas.microsoft.com/office/drawing/2014/main" id="{A667B141-5F7B-4112-8328-5D0E3D72859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032525" y="5831704"/>
            <a:ext cx="56857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Oct. 2022</a:t>
            </a:r>
          </a:p>
        </p:txBody>
      </p:sp>
      <p:sp>
        <p:nvSpPr>
          <p:cNvPr id="18" name="OTLSHAPE_M_5835b06650a246c6bed7a032fc171752_Title">
            <a:extLst>
              <a:ext uri="{FF2B5EF4-FFF2-40B4-BE49-F238E27FC236}">
                <a16:creationId xmlns:a16="http://schemas.microsoft.com/office/drawing/2014/main" id="{68535F6E-6899-4EE1-87EA-AE2C58FFC4E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031605" y="5208734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Fin VSR</a:t>
            </a:r>
          </a:p>
        </p:txBody>
      </p:sp>
      <p:sp>
        <p:nvSpPr>
          <p:cNvPr id="19" name="OTLSHAPE_M_5835b06650a246c6bed7a032fc171752_Title">
            <a:extLst>
              <a:ext uri="{FF2B5EF4-FFF2-40B4-BE49-F238E27FC236}">
                <a16:creationId xmlns:a16="http://schemas.microsoft.com/office/drawing/2014/main" id="{4DA9B0F6-F72F-457D-BC1B-20B7E65AB49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669941" y="5225457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Démarrage</a:t>
            </a:r>
          </a:p>
        </p:txBody>
      </p:sp>
      <p:sp>
        <p:nvSpPr>
          <p:cNvPr id="20" name="OTLSHAPE_M_12e4f27701a648b8890bd3723f98955d_Date">
            <a:extLst>
              <a:ext uri="{FF2B5EF4-FFF2-40B4-BE49-F238E27FC236}">
                <a16:creationId xmlns:a16="http://schemas.microsoft.com/office/drawing/2014/main" id="{AC0DAA0C-7D0C-474F-9228-393B243CCE1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06574" y="5407624"/>
            <a:ext cx="6384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04 Avril 22</a:t>
            </a:r>
          </a:p>
        </p:txBody>
      </p:sp>
      <p:sp>
        <p:nvSpPr>
          <p:cNvPr id="21" name="OTLSHAPE_M_12e4f27701a648b8890bd3723f98955d_Date">
            <a:extLst>
              <a:ext uri="{FF2B5EF4-FFF2-40B4-BE49-F238E27FC236}">
                <a16:creationId xmlns:a16="http://schemas.microsoft.com/office/drawing/2014/main" id="{99413C52-190C-4300-AAE0-EBB8C78560E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0079043" y="5391840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5 Sept. 2022</a:t>
            </a:r>
          </a:p>
        </p:txBody>
      </p:sp>
      <p:cxnSp>
        <p:nvCxnSpPr>
          <p:cNvPr id="22" name="OTLSHAPE_T_37ca1819bc344020bd6f1137907ac40d_HorizontalConnector1">
            <a:extLst>
              <a:ext uri="{FF2B5EF4-FFF2-40B4-BE49-F238E27FC236}">
                <a16:creationId xmlns:a16="http://schemas.microsoft.com/office/drawing/2014/main" id="{DB7F8AFB-D92E-40E8-8ECB-5737A018F401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795789" y="4306673"/>
            <a:ext cx="415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37ca1819bc344020bd6f1137907ac40d_Shape">
            <a:extLst>
              <a:ext uri="{FF2B5EF4-FFF2-40B4-BE49-F238E27FC236}">
                <a16:creationId xmlns:a16="http://schemas.microsoft.com/office/drawing/2014/main" id="{7A28FBC8-406C-4ED3-86C1-EFA8D44183E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95895" y="4243173"/>
            <a:ext cx="10908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37ca1819bc344020bd6f1137907ac40d_Title">
            <a:extLst>
              <a:ext uri="{FF2B5EF4-FFF2-40B4-BE49-F238E27FC236}">
                <a16:creationId xmlns:a16="http://schemas.microsoft.com/office/drawing/2014/main" id="{297C6B8D-5942-48E3-BD6B-BC9F6B8193C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64742" y="4092569"/>
            <a:ext cx="109161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1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ploiement infra.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0972758C-C8D4-4CB8-BB2A-2C0CF0D5B2D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865822" y="610019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 err="1">
                <a:latin typeface="Calibri" panose="020F0502020204030204" pitchFamily="34" charset="0"/>
              </a:rPr>
              <a:t>Juin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ScaleMarking1">
            <a:extLst>
              <a:ext uri="{FF2B5EF4-FFF2-40B4-BE49-F238E27FC236}">
                <a16:creationId xmlns:a16="http://schemas.microsoft.com/office/drawing/2014/main" id="{1A990DB7-3F74-4F8B-BF76-6C09C6C0BC0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791336" y="612374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err="1">
                <a:latin typeface="Calibri" panose="020F0502020204030204" pitchFamily="34" charset="0"/>
              </a:rPr>
              <a:t>Août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30" name="OTLSHAPE_T_6e9e32066d8046c6bc0ec456adcd51ee_JoinedDate">
            <a:extLst>
              <a:ext uri="{FF2B5EF4-FFF2-40B4-BE49-F238E27FC236}">
                <a16:creationId xmlns:a16="http://schemas.microsoft.com/office/drawing/2014/main" id="{1B68548B-FBCF-46E3-BD42-AE19E6DC76B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387922" y="4225739"/>
            <a:ext cx="9049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4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vr.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18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vr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cxnSp>
        <p:nvCxnSpPr>
          <p:cNvPr id="31" name="OTLSHAPE_T_37ca1819bc344020bd6f1137907ac40d_HorizontalConnector1">
            <a:extLst>
              <a:ext uri="{FF2B5EF4-FFF2-40B4-BE49-F238E27FC236}">
                <a16:creationId xmlns:a16="http://schemas.microsoft.com/office/drawing/2014/main" id="{0AD7FA95-E0B4-4AA6-A776-131878991AF5}"/>
              </a:ext>
            </a:extLst>
          </p:cNvPr>
          <p:cNvCxnSpPr>
            <a:cxnSpLocks/>
            <a:endCxn id="32" idx="1"/>
          </p:cNvCxnSpPr>
          <p:nvPr>
            <p:custDataLst>
              <p:tags r:id="rId17"/>
            </p:custDataLst>
          </p:nvPr>
        </p:nvCxnSpPr>
        <p:spPr>
          <a:xfrm>
            <a:off x="795789" y="3891576"/>
            <a:ext cx="6161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_37ca1819bc344020bd6f1137907ac40d_Shape">
            <a:extLst>
              <a:ext uri="{FF2B5EF4-FFF2-40B4-BE49-F238E27FC236}">
                <a16:creationId xmlns:a16="http://schemas.microsoft.com/office/drawing/2014/main" id="{F6C0C829-5937-43E5-AE4E-CE4E635E1F1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11895" y="3828076"/>
            <a:ext cx="10548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T_37ca1819bc344020bd6f1137907ac40d_Title">
            <a:extLst>
              <a:ext uri="{FF2B5EF4-FFF2-40B4-BE49-F238E27FC236}">
                <a16:creationId xmlns:a16="http://schemas.microsoft.com/office/drawing/2014/main" id="{2EE66004-9559-48AC-82D6-FDCE8443DEE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64742" y="3681461"/>
            <a:ext cx="117800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2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ploiement appli.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6e9e32066d8046c6bc0ec456adcd51ee_JoinedDate">
            <a:extLst>
              <a:ext uri="{FF2B5EF4-FFF2-40B4-BE49-F238E27FC236}">
                <a16:creationId xmlns:a16="http://schemas.microsoft.com/office/drawing/2014/main" id="{7143620C-B4D0-49B2-8A09-8F88A11DBE6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524171" y="3814631"/>
            <a:ext cx="9457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8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vr.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02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37ca1819bc344020bd6f1137907ac40d_Title">
            <a:extLst>
              <a:ext uri="{FF2B5EF4-FFF2-40B4-BE49-F238E27FC236}">
                <a16:creationId xmlns:a16="http://schemas.microsoft.com/office/drawing/2014/main" id="{1C119BDB-28CD-4C91-B5F4-484DC3096DC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64742" y="3367898"/>
            <a:ext cx="1265637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3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Prépa. migration des</a:t>
            </a:r>
          </a:p>
          <a:p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onnée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e9e32066d8046c6bc0ec456adcd51ee_JoinedDate">
            <a:extLst>
              <a:ext uri="{FF2B5EF4-FFF2-40B4-BE49-F238E27FC236}">
                <a16:creationId xmlns:a16="http://schemas.microsoft.com/office/drawing/2014/main" id="{B19ADC72-EC10-4AD2-BAB1-A48DDD6EE5B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376680" y="3424871"/>
            <a:ext cx="9805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3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vr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 -  16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37ca1819bc344020bd6f1137907ac40d_Title">
            <a:extLst>
              <a:ext uri="{FF2B5EF4-FFF2-40B4-BE49-F238E27FC236}">
                <a16:creationId xmlns:a16="http://schemas.microsoft.com/office/drawing/2014/main" id="{CB96CEB6-D2D9-4CC2-B6B6-530E59534C7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4742" y="2900568"/>
            <a:ext cx="1387889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4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Bascule à blanc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6e9e32066d8046c6bc0ec456adcd51ee_JoinedDate">
            <a:extLst>
              <a:ext uri="{FF2B5EF4-FFF2-40B4-BE49-F238E27FC236}">
                <a16:creationId xmlns:a16="http://schemas.microsoft.com/office/drawing/2014/main" id="{202CDB30-90D3-4377-8ABC-A499724B9EA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31685" y="3033739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7 mai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27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mai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37ca1819bc344020bd6f1137907ac40d_Title">
            <a:extLst>
              <a:ext uri="{FF2B5EF4-FFF2-40B4-BE49-F238E27FC236}">
                <a16:creationId xmlns:a16="http://schemas.microsoft.com/office/drawing/2014/main" id="{F60F742A-12FE-4301-8594-23E23D97894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4742" y="2500950"/>
            <a:ext cx="1296233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5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Audit qualité / sécurité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37ca1819bc344020bd6f1137907ac40d_Title">
            <a:extLst>
              <a:ext uri="{FF2B5EF4-FFF2-40B4-BE49-F238E27FC236}">
                <a16:creationId xmlns:a16="http://schemas.microsoft.com/office/drawing/2014/main" id="{48067D65-3A76-4927-88CA-F716EF80A16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64742" y="2072973"/>
            <a:ext cx="1265637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6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Formation utilisateur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6e9e32066d8046c6bc0ec456adcd51ee_JoinedDate">
            <a:extLst>
              <a:ext uri="{FF2B5EF4-FFF2-40B4-BE49-F238E27FC236}">
                <a16:creationId xmlns:a16="http://schemas.microsoft.com/office/drawing/2014/main" id="{D5B44E8D-3113-4115-9EA8-0020975C956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747932" y="2206144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6 juin -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5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37ca1819bc344020bd6f1137907ac40d_Title">
            <a:extLst>
              <a:ext uri="{FF2B5EF4-FFF2-40B4-BE49-F238E27FC236}">
                <a16:creationId xmlns:a16="http://schemas.microsoft.com/office/drawing/2014/main" id="{EAEFF710-5C3E-4F7D-BB05-D1EB5EDEA27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4742" y="1663968"/>
            <a:ext cx="2060268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7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Migration des données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6e9e32066d8046c6bc0ec456adcd51ee_JoinedDate">
            <a:extLst>
              <a:ext uri="{FF2B5EF4-FFF2-40B4-BE49-F238E27FC236}">
                <a16:creationId xmlns:a16="http://schemas.microsoft.com/office/drawing/2014/main" id="{52ED33A0-282D-410A-B435-22DDE21C89B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101663" y="1797139"/>
            <a:ext cx="864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5 juin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- 21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37ca1819bc344020bd6f1137907ac40d_Title">
            <a:extLst>
              <a:ext uri="{FF2B5EF4-FFF2-40B4-BE49-F238E27FC236}">
                <a16:creationId xmlns:a16="http://schemas.microsoft.com/office/drawing/2014/main" id="{E0AB5B10-BC0D-4AA5-9259-9EEAEFCB7B3E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64742" y="1286869"/>
            <a:ext cx="1666253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8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Vérification </a:t>
            </a:r>
            <a:b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post-implémentation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e9e32066d8046c6bc0ec456adcd51ee_JoinedDate">
            <a:extLst>
              <a:ext uri="{FF2B5EF4-FFF2-40B4-BE49-F238E27FC236}">
                <a16:creationId xmlns:a16="http://schemas.microsoft.com/office/drawing/2014/main" id="{8C244981-9832-46C9-8A91-D06104080CB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025844" y="1420040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1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- 04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l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70" name="OTLSHAPE_T_37ca1819bc344020bd6f1137907ac40d_Title">
            <a:extLst>
              <a:ext uri="{FF2B5EF4-FFF2-40B4-BE49-F238E27FC236}">
                <a16:creationId xmlns:a16="http://schemas.microsoft.com/office/drawing/2014/main" id="{BB41EEB2-1CF7-4F9B-97B5-C210457A840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4742" y="877459"/>
            <a:ext cx="1672529" cy="5195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Lot 9</a:t>
            </a:r>
            <a:b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Décommissionnement anc.</a:t>
            </a:r>
            <a:b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</a:br>
            <a:r>
              <a:rPr lang="fr-FR" sz="800" spc="-8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Système</a:t>
            </a:r>
            <a:endParaRPr lang="en-US" sz="1100" spc="-8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6e9e32066d8046c6bc0ec456adcd51ee_JoinedDate">
            <a:extLst>
              <a:ext uri="{FF2B5EF4-FFF2-40B4-BE49-F238E27FC236}">
                <a16:creationId xmlns:a16="http://schemas.microsoft.com/office/drawing/2014/main" id="{3CF9CB13-FDB3-4899-92E3-2A3C2C2EB40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42787" y="1010630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04 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il.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- 15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l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82" name="OTLSHAPE_T_6e9e32066d8046c6bc0ec456adcd51ee_JoinedDate">
            <a:extLst>
              <a:ext uri="{FF2B5EF4-FFF2-40B4-BE49-F238E27FC236}">
                <a16:creationId xmlns:a16="http://schemas.microsoft.com/office/drawing/2014/main" id="{1476BB21-D856-469D-9F40-B130A648299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907894" y="2641641"/>
            <a:ext cx="83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7 mai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– 06 </a:t>
            </a:r>
            <a:r>
              <a:rPr lang="en-US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juin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83" name="OTLSHAPE_T_37ca1819bc344020bd6f1137907ac40d_HorizontalConnector1">
            <a:extLst>
              <a:ext uri="{FF2B5EF4-FFF2-40B4-BE49-F238E27FC236}">
                <a16:creationId xmlns:a16="http://schemas.microsoft.com/office/drawing/2014/main" id="{B0EFBB87-5606-4CCC-9779-BE3966DB3025}"/>
              </a:ext>
            </a:extLst>
          </p:cNvPr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793330" y="3505956"/>
            <a:ext cx="12426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_37ca1819bc344020bd6f1137907ac40d_HorizontalConnector1">
            <a:extLst>
              <a:ext uri="{FF2B5EF4-FFF2-40B4-BE49-F238E27FC236}">
                <a16:creationId xmlns:a16="http://schemas.microsoft.com/office/drawing/2014/main" id="{86610076-9414-4FCC-AD67-3B549E486E5C}"/>
              </a:ext>
            </a:extLst>
          </p:cNvPr>
          <p:cNvCxnSpPr>
            <a:cxnSpLocks/>
          </p:cNvCxnSpPr>
          <p:nvPr>
            <p:custDataLst>
              <p:tags r:id="rId36"/>
            </p:custDataLst>
          </p:nvPr>
        </p:nvCxnSpPr>
        <p:spPr>
          <a:xfrm>
            <a:off x="792578" y="3108145"/>
            <a:ext cx="20220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_37ca1819bc344020bd6f1137907ac40d_HorizontalConnector1">
            <a:extLst>
              <a:ext uri="{FF2B5EF4-FFF2-40B4-BE49-F238E27FC236}">
                <a16:creationId xmlns:a16="http://schemas.microsoft.com/office/drawing/2014/main" id="{4FB5BB36-566E-48D2-9652-59A408906B9C}"/>
              </a:ext>
            </a:extLst>
          </p:cNvPr>
          <p:cNvCxnSpPr>
            <a:cxnSpLocks/>
          </p:cNvCxnSpPr>
          <p:nvPr>
            <p:custDataLst>
              <p:tags r:id="rId37"/>
            </p:custDataLst>
          </p:nvPr>
        </p:nvCxnSpPr>
        <p:spPr>
          <a:xfrm>
            <a:off x="790119" y="2722525"/>
            <a:ext cx="26484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_37ca1819bc344020bd6f1137907ac40d_Shape">
            <a:extLst>
              <a:ext uri="{FF2B5EF4-FFF2-40B4-BE49-F238E27FC236}">
                <a16:creationId xmlns:a16="http://schemas.microsoft.com/office/drawing/2014/main" id="{D19C0192-96EB-4EB8-A298-0DCBD6408B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74225" y="3438316"/>
            <a:ext cx="14292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0" name="OTLSHAPE_T_37ca1819bc344020bd6f1137907ac40d_HorizontalConnector1">
            <a:extLst>
              <a:ext uri="{FF2B5EF4-FFF2-40B4-BE49-F238E27FC236}">
                <a16:creationId xmlns:a16="http://schemas.microsoft.com/office/drawing/2014/main" id="{424929B2-C9FD-4DA3-9913-33FDB231C1FF}"/>
              </a:ext>
            </a:extLst>
          </p:cNvPr>
          <p:cNvCxnSpPr>
            <a:cxnSpLocks/>
          </p:cNvCxnSpPr>
          <p:nvPr>
            <p:custDataLst>
              <p:tags r:id="rId39"/>
            </p:custDataLst>
          </p:nvPr>
        </p:nvCxnSpPr>
        <p:spPr>
          <a:xfrm>
            <a:off x="831768" y="2279613"/>
            <a:ext cx="33466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37ca1819bc344020bd6f1137907ac40d_HorizontalConnector1">
            <a:extLst>
              <a:ext uri="{FF2B5EF4-FFF2-40B4-BE49-F238E27FC236}">
                <a16:creationId xmlns:a16="http://schemas.microsoft.com/office/drawing/2014/main" id="{B914C28D-89C1-45A1-8003-BC704172BEBD}"/>
              </a:ext>
            </a:extLst>
          </p:cNvPr>
          <p:cNvCxnSpPr>
            <a:cxnSpLocks/>
          </p:cNvCxnSpPr>
          <p:nvPr>
            <p:custDataLst>
              <p:tags r:id="rId40"/>
            </p:custDataLst>
          </p:nvPr>
        </p:nvCxnSpPr>
        <p:spPr>
          <a:xfrm>
            <a:off x="831768" y="1867657"/>
            <a:ext cx="40340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37ca1819bc344020bd6f1137907ac40d_HorizontalConnector1">
            <a:extLst>
              <a:ext uri="{FF2B5EF4-FFF2-40B4-BE49-F238E27FC236}">
                <a16:creationId xmlns:a16="http://schemas.microsoft.com/office/drawing/2014/main" id="{8B535CE2-3E07-427A-AB35-ADB672CB6C64}"/>
              </a:ext>
            </a:extLst>
          </p:cNvPr>
          <p:cNvCxnSpPr>
            <a:cxnSpLocks/>
          </p:cNvCxnSpPr>
          <p:nvPr>
            <p:custDataLst>
              <p:tags r:id="rId41"/>
            </p:custDataLst>
          </p:nvPr>
        </p:nvCxnSpPr>
        <p:spPr>
          <a:xfrm>
            <a:off x="831768" y="1500783"/>
            <a:ext cx="483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37ca1819bc344020bd6f1137907ac40d_HorizontalConnector1">
            <a:extLst>
              <a:ext uri="{FF2B5EF4-FFF2-40B4-BE49-F238E27FC236}">
                <a16:creationId xmlns:a16="http://schemas.microsoft.com/office/drawing/2014/main" id="{E3CB4991-9DAB-4CEB-8CCF-9B3DD8134132}"/>
              </a:ext>
            </a:extLst>
          </p:cNvPr>
          <p:cNvCxnSpPr>
            <a:cxnSpLocks/>
          </p:cNvCxnSpPr>
          <p:nvPr>
            <p:custDataLst>
              <p:tags r:id="rId42"/>
            </p:custDataLst>
          </p:nvPr>
        </p:nvCxnSpPr>
        <p:spPr>
          <a:xfrm>
            <a:off x="831768" y="1091208"/>
            <a:ext cx="6132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T_37ca1819bc344020bd6f1137907ac40d_Shape">
            <a:extLst>
              <a:ext uri="{FF2B5EF4-FFF2-40B4-BE49-F238E27FC236}">
                <a16:creationId xmlns:a16="http://schemas.microsoft.com/office/drawing/2014/main" id="{FAE9836F-38B4-4259-A80B-D93C13448FA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278225" y="2655085"/>
            <a:ext cx="5256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37ca1819bc344020bd6f1137907ac40d_Shape">
            <a:extLst>
              <a:ext uri="{FF2B5EF4-FFF2-40B4-BE49-F238E27FC236}">
                <a16:creationId xmlns:a16="http://schemas.microsoft.com/office/drawing/2014/main" id="{65DDF381-2E9D-406F-8868-E30BD78D01E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648225" y="3047183"/>
            <a:ext cx="7524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37ca1819bc344020bd6f1137907ac40d_Shape">
            <a:extLst>
              <a:ext uri="{FF2B5EF4-FFF2-40B4-BE49-F238E27FC236}">
                <a16:creationId xmlns:a16="http://schemas.microsoft.com/office/drawing/2014/main" id="{5FF569AC-B7BA-4126-980B-8EFB9298563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066625" y="2219588"/>
            <a:ext cx="6012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37ca1819bc344020bd6f1137907ac40d_Shape">
            <a:extLst>
              <a:ext uri="{FF2B5EF4-FFF2-40B4-BE49-F238E27FC236}">
                <a16:creationId xmlns:a16="http://schemas.microsoft.com/office/drawing/2014/main" id="{888C8B1E-A367-4B96-B2E4-9EA8ED0B25E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617425" y="1810583"/>
            <a:ext cx="3780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37ca1819bc344020bd6f1137907ac40d_Shape">
            <a:extLst>
              <a:ext uri="{FF2B5EF4-FFF2-40B4-BE49-F238E27FC236}">
                <a16:creationId xmlns:a16="http://schemas.microsoft.com/office/drawing/2014/main" id="{A9E5ADC7-60B8-499C-BBA0-64848D2C517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481425" y="1433484"/>
            <a:ext cx="450000" cy="127000"/>
          </a:xfrm>
          <a:prstGeom prst="roundRect">
            <a:avLst/>
          </a:prstGeom>
          <a:solidFill>
            <a:srgbClr val="00B0F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37ca1819bc344020bd6f1137907ac40d_Shape">
            <a:extLst>
              <a:ext uri="{FF2B5EF4-FFF2-40B4-BE49-F238E27FC236}">
                <a16:creationId xmlns:a16="http://schemas.microsoft.com/office/drawing/2014/main" id="{B714C809-26F1-44ED-B4F9-8622559D7CB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421025" y="1024074"/>
            <a:ext cx="640800" cy="127000"/>
          </a:xfrm>
          <a:prstGeom prst="roundRect">
            <a:avLst/>
          </a:prstGeom>
          <a:solidFill>
            <a:srgbClr val="0070C0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1" name="Connecteur droit 110">
            <a:extLst>
              <a:ext uri="{FF2B5EF4-FFF2-40B4-BE49-F238E27FC236}">
                <a16:creationId xmlns:a16="http://schemas.microsoft.com/office/drawing/2014/main" id="{1D9A3AB9-6447-452A-BE2D-9C23F6BD62FC}"/>
              </a:ext>
            </a:extLst>
          </p:cNvPr>
          <p:cNvCxnSpPr>
            <a:cxnSpLocks/>
          </p:cNvCxnSpPr>
          <p:nvPr/>
        </p:nvCxnSpPr>
        <p:spPr>
          <a:xfrm>
            <a:off x="8953193" y="550419"/>
            <a:ext cx="0" cy="5482564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0" name="Connecteur droit avec flèche 119">
            <a:extLst>
              <a:ext uri="{FF2B5EF4-FFF2-40B4-BE49-F238E27FC236}">
                <a16:creationId xmlns:a16="http://schemas.microsoft.com/office/drawing/2014/main" id="{7D7FF50C-C698-4D95-97F2-AE352BA8D6BA}"/>
              </a:ext>
            </a:extLst>
          </p:cNvPr>
          <p:cNvCxnSpPr>
            <a:cxnSpLocks/>
          </p:cNvCxnSpPr>
          <p:nvPr/>
        </p:nvCxnSpPr>
        <p:spPr>
          <a:xfrm flipH="1">
            <a:off x="8101133" y="1549412"/>
            <a:ext cx="2274469" cy="0"/>
          </a:xfrm>
          <a:prstGeom prst="straightConnector1">
            <a:avLst/>
          </a:prstGeom>
          <a:ln>
            <a:solidFill>
              <a:srgbClr val="0070C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T_6e9e32066d8046c6bc0ec456adcd51ee_JoinedDate">
            <a:extLst>
              <a:ext uri="{FF2B5EF4-FFF2-40B4-BE49-F238E27FC236}">
                <a16:creationId xmlns:a16="http://schemas.microsoft.com/office/drawing/2014/main" id="{DBE53952-3F06-476C-A644-444498182C1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726086" y="1595038"/>
            <a:ext cx="1056567" cy="2923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   Temps de VSR</a:t>
            </a:r>
          </a:p>
          <a:p>
            <a:pPr algn="ctr"/>
            <a:r>
              <a:rPr lang="fr-FR" sz="900" spc="-4" dirty="0">
                <a:solidFill>
                  <a:schemeClr val="dk2"/>
                </a:solidFill>
                <a:latin typeface="Calibri" panose="020F0502020204030204" pitchFamily="34" charset="0"/>
              </a:rPr>
              <a:t>(~60jrs /)</a:t>
            </a:r>
            <a:endParaRPr lang="en-US" sz="9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B_00000000000000000000000000000000_TimescaleInterval1">
            <a:extLst>
              <a:ext uri="{FF2B5EF4-FFF2-40B4-BE49-F238E27FC236}">
                <a16:creationId xmlns:a16="http://schemas.microsoft.com/office/drawing/2014/main" id="{DE9BE3D7-1D4F-4E98-A386-5BD03F61EEC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32431" y="4218989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4,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38" name="OTLSHAPE_TB_00000000000000000000000000000000_TimescaleInterval1">
            <a:extLst>
              <a:ext uri="{FF2B5EF4-FFF2-40B4-BE49-F238E27FC236}">
                <a16:creationId xmlns:a16="http://schemas.microsoft.com/office/drawing/2014/main" id="{6E88E990-F1A8-40BE-B0CA-1FAB412D647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573573" y="3802675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4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39" name="OTLSHAPE_TB_00000000000000000000000000000000_TimescaleInterval1">
            <a:extLst>
              <a:ext uri="{FF2B5EF4-FFF2-40B4-BE49-F238E27FC236}">
                <a16:creationId xmlns:a16="http://schemas.microsoft.com/office/drawing/2014/main" id="{D97C3115-6AB7-452A-A608-F6EFF918D3A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169712" y="3414154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9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0" name="OTLSHAPE_TB_00000000000000000000000000000000_TimescaleInterval1">
            <a:extLst>
              <a:ext uri="{FF2B5EF4-FFF2-40B4-BE49-F238E27FC236}">
                <a16:creationId xmlns:a16="http://schemas.microsoft.com/office/drawing/2014/main" id="{E4E1F6C9-95C3-4CAB-9BBF-A916473D72F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886542" y="3028629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0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1" name="OTLSHAPE_TB_00000000000000000000000000000000_TimescaleInterval1">
            <a:extLst>
              <a:ext uri="{FF2B5EF4-FFF2-40B4-BE49-F238E27FC236}">
                <a16:creationId xmlns:a16="http://schemas.microsoft.com/office/drawing/2014/main" id="{6A02A6D9-53E4-49C1-98A3-1FD604F6A93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404850" y="2632762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7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2" name="OTLSHAPE_TB_00000000000000000000000000000000_TimescaleInterval1">
            <a:extLst>
              <a:ext uri="{FF2B5EF4-FFF2-40B4-BE49-F238E27FC236}">
                <a16:creationId xmlns:a16="http://schemas.microsoft.com/office/drawing/2014/main" id="{5191E7C6-0463-4FD3-9E69-C686E2F6DF4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59750" y="2193217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8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3" name="OTLSHAPE_TB_00000000000000000000000000000000_TimescaleInterval1">
            <a:extLst>
              <a:ext uri="{FF2B5EF4-FFF2-40B4-BE49-F238E27FC236}">
                <a16:creationId xmlns:a16="http://schemas.microsoft.com/office/drawing/2014/main" id="{8C58CBA9-49DD-40BD-8C75-424D793A91D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747932" y="1782833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4" name="OTLSHAPE_TB_00000000000000000000000000000000_TimescaleInterval1">
            <a:extLst>
              <a:ext uri="{FF2B5EF4-FFF2-40B4-BE49-F238E27FC236}">
                <a16:creationId xmlns:a16="http://schemas.microsoft.com/office/drawing/2014/main" id="{C561C751-7097-4FBA-B270-A65B169E322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639137" y="1408084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6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5" name="OTLSHAPE_TB_00000000000000000000000000000000_TimescaleInterval1">
            <a:extLst>
              <a:ext uri="{FF2B5EF4-FFF2-40B4-BE49-F238E27FC236}">
                <a16:creationId xmlns:a16="http://schemas.microsoft.com/office/drawing/2014/main" id="{6A675BA0-40EC-4233-BD27-89706112B33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716499" y="998674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8,5 </a:t>
            </a:r>
            <a:r>
              <a:rPr lang="en-US" sz="800" b="1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rs</a:t>
            </a:r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/h</a:t>
            </a:r>
          </a:p>
        </p:txBody>
      </p:sp>
      <p:sp>
        <p:nvSpPr>
          <p:cNvPr id="146" name="OTLSHAPE_TB_00000000000000000000000000000000_TimescaleInterval1">
            <a:extLst>
              <a:ext uri="{FF2B5EF4-FFF2-40B4-BE49-F238E27FC236}">
                <a16:creationId xmlns:a16="http://schemas.microsoft.com/office/drawing/2014/main" id="{A8D152F8-F935-43B9-B1D3-F5DCEFE6425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477289" y="1144503"/>
            <a:ext cx="18880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70h</a:t>
            </a:r>
          </a:p>
        </p:txBody>
      </p:sp>
      <p:sp>
        <p:nvSpPr>
          <p:cNvPr id="147" name="OTLSHAPE_TB_00000000000000000000000000000000_TimescaleInterval1">
            <a:extLst>
              <a:ext uri="{FF2B5EF4-FFF2-40B4-BE49-F238E27FC236}">
                <a16:creationId xmlns:a16="http://schemas.microsoft.com/office/drawing/2014/main" id="{E287EB8A-718C-420D-9C03-86FAF604FF3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390389" y="794952"/>
            <a:ext cx="26878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50h</a:t>
            </a:r>
          </a:p>
        </p:txBody>
      </p:sp>
      <p:sp>
        <p:nvSpPr>
          <p:cNvPr id="148" name="OTLSHAPE_TB_00000000000000000000000000000000_TimescaleInterval1">
            <a:extLst>
              <a:ext uri="{FF2B5EF4-FFF2-40B4-BE49-F238E27FC236}">
                <a16:creationId xmlns:a16="http://schemas.microsoft.com/office/drawing/2014/main" id="{F3176D5B-4814-4D9B-B3D1-FE39CDBF2B2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584425" y="417843"/>
            <a:ext cx="26878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50h</a:t>
            </a:r>
          </a:p>
        </p:txBody>
      </p:sp>
      <p:sp>
        <p:nvSpPr>
          <p:cNvPr id="88" name="OTLSHAPE_M_5835b06650a246c6bed7a032fc171752_Shape">
            <a:extLst>
              <a:ext uri="{FF2B5EF4-FFF2-40B4-BE49-F238E27FC236}">
                <a16:creationId xmlns:a16="http://schemas.microsoft.com/office/drawing/2014/main" id="{14E148A2-F907-419C-BD8F-0604D09B9DA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12858" y="5568795"/>
            <a:ext cx="258659" cy="287399"/>
          </a:xfrm>
          <a:prstGeom prst="star5">
            <a:avLst>
              <a:gd name="adj" fmla="val 19005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4" name="OTLSHAPE_M_bd306ff2674747419d2eb2fe421ccc3b_Shape">
            <a:extLst>
              <a:ext uri="{FF2B5EF4-FFF2-40B4-BE49-F238E27FC236}">
                <a16:creationId xmlns:a16="http://schemas.microsoft.com/office/drawing/2014/main" id="{9F907B7C-B359-4D6C-832F-6DC4A0816CA7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786423" y="5917777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" name="OTLSHAPE_TB_00000000000000000000000000000000_ScaleMarking1">
            <a:extLst>
              <a:ext uri="{FF2B5EF4-FFF2-40B4-BE49-F238E27FC236}">
                <a16:creationId xmlns:a16="http://schemas.microsoft.com/office/drawing/2014/main" id="{D2B9543A-6398-4628-A90C-2EE531028C9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705528" y="6095577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96" name="OTLSHAPE_M_bd306ff2674747419d2eb2fe421ccc3b_Shape">
            <a:extLst>
              <a:ext uri="{FF2B5EF4-FFF2-40B4-BE49-F238E27FC236}">
                <a16:creationId xmlns:a16="http://schemas.microsoft.com/office/drawing/2014/main" id="{77DC5146-D71D-4C1E-A58C-95E8ABFC30C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083708" y="5951128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7" name="OTLSHAPE_TB_00000000000000000000000000000000_ScaleMarking1">
            <a:extLst>
              <a:ext uri="{FF2B5EF4-FFF2-40B4-BE49-F238E27FC236}">
                <a16:creationId xmlns:a16="http://schemas.microsoft.com/office/drawing/2014/main" id="{B5C196C4-020B-40A7-83A5-78D63F2E05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02813" y="612892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err="1">
                <a:latin typeface="Calibri" panose="020F0502020204030204" pitchFamily="34" charset="0"/>
              </a:rPr>
              <a:t>Juillet</a:t>
            </a:r>
            <a:endParaRPr lang="en-US" sz="1200" spc="-20" dirty="0">
              <a:latin typeface="Calibri" panose="020F0502020204030204" pitchFamily="34" charset="0"/>
            </a:endParaRPr>
          </a:p>
        </p:txBody>
      </p:sp>
      <p:sp>
        <p:nvSpPr>
          <p:cNvPr id="98" name="OTLSHAPE_M_bd306ff2674747419d2eb2fe421ccc3b_Shape">
            <a:extLst>
              <a:ext uri="{FF2B5EF4-FFF2-40B4-BE49-F238E27FC236}">
                <a16:creationId xmlns:a16="http://schemas.microsoft.com/office/drawing/2014/main" id="{FA6A7219-750C-440E-AB6C-402F3F1C8D4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884437" y="5951128"/>
            <a:ext cx="152400" cy="177800"/>
          </a:xfrm>
          <a:prstGeom prst="roundRect">
            <a:avLst/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0" name="OTLSHAPE_TB_00000000000000000000000000000000_ScaleMarking1">
            <a:extLst>
              <a:ext uri="{FF2B5EF4-FFF2-40B4-BE49-F238E27FC236}">
                <a16:creationId xmlns:a16="http://schemas.microsoft.com/office/drawing/2014/main" id="{CBDFF016-EBF0-465F-A6ED-39193D75311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803542" y="6143471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>
                <a:latin typeface="Calibri" panose="020F0502020204030204" pitchFamily="34" charset="0"/>
              </a:rPr>
              <a:t>Sept.</a:t>
            </a:r>
          </a:p>
        </p:txBody>
      </p:sp>
      <p:cxnSp>
        <p:nvCxnSpPr>
          <p:cNvPr id="103" name="Connecteur droit 102">
            <a:extLst>
              <a:ext uri="{FF2B5EF4-FFF2-40B4-BE49-F238E27FC236}">
                <a16:creationId xmlns:a16="http://schemas.microsoft.com/office/drawing/2014/main" id="{4DDC321E-BAFA-44AE-8A43-54262E9A3224}"/>
              </a:ext>
            </a:extLst>
          </p:cNvPr>
          <p:cNvCxnSpPr>
            <a:cxnSpLocks/>
          </p:cNvCxnSpPr>
          <p:nvPr/>
        </p:nvCxnSpPr>
        <p:spPr>
          <a:xfrm>
            <a:off x="2869076" y="468563"/>
            <a:ext cx="0" cy="5482565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4" name="Connecteur droit 103">
            <a:extLst>
              <a:ext uri="{FF2B5EF4-FFF2-40B4-BE49-F238E27FC236}">
                <a16:creationId xmlns:a16="http://schemas.microsoft.com/office/drawing/2014/main" id="{69AF8DD6-0E11-4F35-9822-0B64CD3CD9A9}"/>
              </a:ext>
            </a:extLst>
          </p:cNvPr>
          <p:cNvCxnSpPr>
            <a:cxnSpLocks/>
          </p:cNvCxnSpPr>
          <p:nvPr/>
        </p:nvCxnSpPr>
        <p:spPr>
          <a:xfrm>
            <a:off x="7163052" y="595643"/>
            <a:ext cx="0" cy="5482565"/>
          </a:xfrm>
          <a:prstGeom prst="line">
            <a:avLst/>
          </a:prstGeom>
          <a:ln>
            <a:solidFill>
              <a:schemeClr val="bg2">
                <a:lumMod val="90000"/>
                <a:alpha val="65000"/>
              </a:schemeClr>
            </a:solidFill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5" name="OTLSHAPE_M_5835b06650a246c6bed7a032fc171752_Shape">
            <a:extLst>
              <a:ext uri="{FF2B5EF4-FFF2-40B4-BE49-F238E27FC236}">
                <a16:creationId xmlns:a16="http://schemas.microsoft.com/office/drawing/2014/main" id="{A66AD8CA-98D1-4451-8C5F-43F34D522B0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963691" y="5554014"/>
            <a:ext cx="258659" cy="287399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21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6" name="OTLSHAPE_M_5835b06650a246c6bed7a032fc171752_Title">
            <a:extLst>
              <a:ext uri="{FF2B5EF4-FFF2-40B4-BE49-F238E27FC236}">
                <a16:creationId xmlns:a16="http://schemas.microsoft.com/office/drawing/2014/main" id="{CF80E69F-58AB-4169-B043-41B4D4B6F18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749024" y="5193799"/>
            <a:ext cx="80571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 dirty="0">
                <a:solidFill>
                  <a:schemeClr val="dk1"/>
                </a:solidFill>
                <a:latin typeface="Calibri" panose="020F0502020204030204" pitchFamily="34" charset="0"/>
              </a:rPr>
              <a:t>Fin </a:t>
            </a:r>
            <a:r>
              <a:rPr lang="en-US" sz="1200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Projet</a:t>
            </a:r>
            <a:endParaRPr lang="en-US" sz="12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M_12e4f27701a648b8890bd3723f98955d_Date">
            <a:extLst>
              <a:ext uri="{FF2B5EF4-FFF2-40B4-BE49-F238E27FC236}">
                <a16:creationId xmlns:a16="http://schemas.microsoft.com/office/drawing/2014/main" id="{14D1DC43-CA8A-43B0-A845-0D82C837D83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796462" y="5376905"/>
            <a:ext cx="8057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15 </a:t>
            </a:r>
            <a:r>
              <a:rPr lang="en-US" sz="1000" spc="-6" dirty="0" err="1">
                <a:solidFill>
                  <a:schemeClr val="dk2"/>
                </a:solidFill>
                <a:latin typeface="Calibri" panose="020F0502020204030204" pitchFamily="34" charset="0"/>
              </a:rPr>
              <a:t>Juillet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 2022</a:t>
            </a:r>
          </a:p>
        </p:txBody>
      </p:sp>
      <p:sp>
        <p:nvSpPr>
          <p:cNvPr id="115" name="Title 1">
            <a:extLst>
              <a:ext uri="{FF2B5EF4-FFF2-40B4-BE49-F238E27FC236}">
                <a16:creationId xmlns:a16="http://schemas.microsoft.com/office/drawing/2014/main" id="{D58D31C6-013F-449C-9244-02EFD600A47B}"/>
              </a:ext>
            </a:extLst>
          </p:cNvPr>
          <p:cNvSpPr txBox="1">
            <a:spLocks/>
          </p:cNvSpPr>
          <p:nvPr/>
        </p:nvSpPr>
        <p:spPr>
          <a:xfrm>
            <a:off x="264741" y="-21618"/>
            <a:ext cx="11404344" cy="46464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18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Roadmap – </a:t>
            </a:r>
            <a:r>
              <a:rPr lang="fr-FR" sz="1800" b="1" dirty="0" err="1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Rep`Aero</a:t>
            </a:r>
            <a:r>
              <a:rPr lang="fr-FR" sz="18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– Migration de l’architecture</a:t>
            </a:r>
          </a:p>
        </p:txBody>
      </p:sp>
    </p:spTree>
    <p:extLst>
      <p:ext uri="{BB962C8B-B14F-4D97-AF65-F5344CB8AC3E}">
        <p14:creationId xmlns:p14="http://schemas.microsoft.com/office/powerpoint/2010/main" val="22830325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16T00:00:00.0000000Z"/>
  <p:tag name="OTLENDDATE" val="2021-07-28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urse plan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0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03</TotalTime>
  <Words>193</Words>
  <Application>Microsoft Office PowerPoint</Application>
  <PresentationFormat>Grand écran</PresentationFormat>
  <Paragraphs>47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 Light</vt:lpstr>
      <vt:lpstr>Thème Office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David EVAN</dc:creator>
  <cp:lastModifiedBy>David EVAN</cp:lastModifiedBy>
  <cp:revision>44</cp:revision>
  <dcterms:created xsi:type="dcterms:W3CDTF">2021-02-02T05:11:12Z</dcterms:created>
  <dcterms:modified xsi:type="dcterms:W3CDTF">2022-02-18T14:25:19Z</dcterms:modified>
</cp:coreProperties>
</file>